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>
        <p:scale>
          <a:sx n="150" d="100"/>
          <a:sy n="150" d="100"/>
        </p:scale>
        <p:origin x="522" y="-444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8/11/2023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33710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267450" y="1310296"/>
            <a:ext cx="3688557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C62B5722-A952-7176-F12C-98B29C37DF9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69919046"/>
              </p:ext>
            </p:extLst>
          </p:nvPr>
        </p:nvGraphicFramePr>
        <p:xfrm>
          <a:off x="5647267" y="5762906"/>
          <a:ext cx="4255691" cy="1016412"/>
        </p:xfrm>
        <a:graphic>
          <a:graphicData uri="http://schemas.openxmlformats.org/drawingml/2006/table">
            <a:tbl>
              <a:tblPr/>
              <a:tblGrid>
                <a:gridCol w="425450">
                  <a:extLst>
                    <a:ext uri="{9D8B030D-6E8A-4147-A177-3AD203B41FA5}">
                      <a16:colId xmlns:a16="http://schemas.microsoft.com/office/drawing/2014/main" val="3991659788"/>
                    </a:ext>
                  </a:extLst>
                </a:gridCol>
                <a:gridCol w="313361">
                  <a:extLst>
                    <a:ext uri="{9D8B030D-6E8A-4147-A177-3AD203B41FA5}">
                      <a16:colId xmlns:a16="http://schemas.microsoft.com/office/drawing/2014/main" val="2351500582"/>
                    </a:ext>
                  </a:extLst>
                </a:gridCol>
                <a:gridCol w="703376">
                  <a:extLst>
                    <a:ext uri="{9D8B030D-6E8A-4147-A177-3AD203B41FA5}">
                      <a16:colId xmlns:a16="http://schemas.microsoft.com/office/drawing/2014/main" val="3101075339"/>
                    </a:ext>
                  </a:extLst>
                </a:gridCol>
                <a:gridCol w="703376">
                  <a:extLst>
                    <a:ext uri="{9D8B030D-6E8A-4147-A177-3AD203B41FA5}">
                      <a16:colId xmlns:a16="http://schemas.microsoft.com/office/drawing/2014/main" val="177087375"/>
                    </a:ext>
                  </a:extLst>
                </a:gridCol>
                <a:gridCol w="703376">
                  <a:extLst>
                    <a:ext uri="{9D8B030D-6E8A-4147-A177-3AD203B41FA5}">
                      <a16:colId xmlns:a16="http://schemas.microsoft.com/office/drawing/2014/main" val="753099825"/>
                    </a:ext>
                  </a:extLst>
                </a:gridCol>
                <a:gridCol w="703376">
                  <a:extLst>
                    <a:ext uri="{9D8B030D-6E8A-4147-A177-3AD203B41FA5}">
                      <a16:colId xmlns:a16="http://schemas.microsoft.com/office/drawing/2014/main" val="2349094651"/>
                    </a:ext>
                  </a:extLst>
                </a:gridCol>
                <a:gridCol w="703376">
                  <a:extLst>
                    <a:ext uri="{9D8B030D-6E8A-4147-A177-3AD203B41FA5}">
                      <a16:colId xmlns:a16="http://schemas.microsoft.com/office/drawing/2014/main" val="1624702589"/>
                    </a:ext>
                  </a:extLst>
                </a:gridCol>
              </a:tblGrid>
              <a:tr h="142183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gridSpan="5">
                  <a:txBody>
                    <a:bodyPr/>
                    <a:lstStyle/>
                    <a:p>
                      <a:pPr algn="ctr" rtl="0" fontAlgn="ctr"/>
                      <a:r>
                        <a:rPr lang="en-US" sz="10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erpetuity Growth Rate (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56559752"/>
                  </a:ext>
                </a:extLst>
              </a:tr>
              <a:tr h="144002">
                <a:tc rowSpan="6">
                  <a:txBody>
                    <a:bodyPr/>
                    <a:lstStyle/>
                    <a:p>
                      <a:pPr algn="ctr" rtl="0" fontAlgn="ctr"/>
                      <a:r>
                        <a:rPr lang="en-US" sz="1000" b="0" i="1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WACC (%)</a:t>
                      </a:r>
                    </a:p>
                  </a:txBody>
                  <a:tcPr marL="0" marR="0" marT="0" marB="0" vert="vert27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0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2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0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41761226"/>
                  </a:ext>
                </a:extLst>
              </a:tr>
              <a:tr h="144002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8 / 404c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05 / 41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23 / 42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3 / 43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64 / 44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77883040"/>
                  </a:ext>
                </a:extLst>
              </a:tr>
              <a:tr h="144002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30 / 374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44 / 38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59 / 389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75 / 397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3 / 406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8032247"/>
                  </a:ext>
                </a:extLst>
              </a:tr>
              <a:tr h="144002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8 / 348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90 / 355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03 / 36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17 / 368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31 / 375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259817685"/>
                  </a:ext>
                </a:extLst>
              </a:tr>
              <a:tr h="144002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2 / 325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43 / 331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54 / 336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65 / 342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8 / 348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12189410"/>
                  </a:ext>
                </a:extLst>
              </a:tr>
              <a:tr h="144002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91 / 305c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00 / 309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0 / 314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20 / 319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0 / 324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295873471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2AD61B08-1DDE-99CB-CFB0-341E9F47B9F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437371501"/>
              </p:ext>
            </p:extLst>
          </p:nvPr>
        </p:nvGraphicFramePr>
        <p:xfrm>
          <a:off x="732631" y="5604502"/>
          <a:ext cx="4255690" cy="1219200"/>
        </p:xfrm>
        <a:graphic>
          <a:graphicData uri="http://schemas.openxmlformats.org/drawingml/2006/table">
            <a:tbl>
              <a:tblPr/>
              <a:tblGrid>
                <a:gridCol w="1735330">
                  <a:extLst>
                    <a:ext uri="{9D8B030D-6E8A-4147-A177-3AD203B41FA5}">
                      <a16:colId xmlns:a16="http://schemas.microsoft.com/office/drawing/2014/main" val="3844593997"/>
                    </a:ext>
                  </a:extLst>
                </a:gridCol>
                <a:gridCol w="867665">
                  <a:extLst>
                    <a:ext uri="{9D8B030D-6E8A-4147-A177-3AD203B41FA5}">
                      <a16:colId xmlns:a16="http://schemas.microsoft.com/office/drawing/2014/main" val="3268048305"/>
                    </a:ext>
                  </a:extLst>
                </a:gridCol>
                <a:gridCol w="991617">
                  <a:extLst>
                    <a:ext uri="{9D8B030D-6E8A-4147-A177-3AD203B41FA5}">
                      <a16:colId xmlns:a16="http://schemas.microsoft.com/office/drawing/2014/main" val="137817845"/>
                    </a:ext>
                  </a:extLst>
                </a:gridCol>
                <a:gridCol w="661078">
                  <a:extLst>
                    <a:ext uri="{9D8B030D-6E8A-4147-A177-3AD203B41FA5}">
                      <a16:colId xmlns:a16="http://schemas.microsoft.com/office/drawing/2014/main" val="1751590102"/>
                    </a:ext>
                  </a:extLst>
                </a:gridCol>
              </a:tblGrid>
              <a:tr h="146852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Value Based on 8.5% WACC &amp; 0.5% TG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Amount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0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of NPV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13512434"/>
                  </a:ext>
                </a:extLst>
              </a:tr>
              <a:tr h="146852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resent Value of Cashflow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0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0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24132057"/>
                  </a:ext>
                </a:extLst>
              </a:tr>
              <a:tr h="146852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V of Terminal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9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610180617"/>
                  </a:ext>
                </a:extLst>
              </a:tr>
              <a:tr h="146852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Firm 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0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278179374"/>
                  </a:ext>
                </a:extLst>
              </a:tr>
              <a:tr h="146852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Net debt &amp; adjustment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8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606902589"/>
                  </a:ext>
                </a:extLst>
              </a:tr>
              <a:tr h="146852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equity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27829069"/>
                  </a:ext>
                </a:extLst>
              </a:tr>
              <a:tr h="146852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share price ($c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0520146"/>
                  </a:ext>
                </a:extLst>
              </a:tr>
              <a:tr h="146852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premium to current</a:t>
                      </a:r>
                    </a:p>
                  </a:txBody>
                  <a:tcPr marL="11430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52103298"/>
                  </a:ext>
                </a:extLst>
              </a:tr>
            </a:tbl>
          </a:graphicData>
        </a:graphic>
      </p:graphicFrame>
      <p:graphicFrame>
        <p:nvGraphicFramePr>
          <p:cNvPr id="11" name="Table 10">
            <a:extLst>
              <a:ext uri="{FF2B5EF4-FFF2-40B4-BE49-F238E27FC236}">
                <a16:creationId xmlns:a16="http://schemas.microsoft.com/office/drawing/2014/main" id="{3344E4A7-E06C-2014-E1A4-A83DEC39A11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098640291"/>
              </p:ext>
            </p:extLst>
          </p:nvPr>
        </p:nvGraphicFramePr>
        <p:xfrm>
          <a:off x="732631" y="1515263"/>
          <a:ext cx="9107430" cy="3742900"/>
        </p:xfrm>
        <a:graphic>
          <a:graphicData uri="http://schemas.openxmlformats.org/drawingml/2006/table">
            <a:tbl>
              <a:tblPr/>
              <a:tblGrid>
                <a:gridCol w="522082">
                  <a:extLst>
                    <a:ext uri="{9D8B030D-6E8A-4147-A177-3AD203B41FA5}">
                      <a16:colId xmlns:a16="http://schemas.microsoft.com/office/drawing/2014/main" val="3927242885"/>
                    </a:ext>
                  </a:extLst>
                </a:gridCol>
                <a:gridCol w="522082">
                  <a:extLst>
                    <a:ext uri="{9D8B030D-6E8A-4147-A177-3AD203B41FA5}">
                      <a16:colId xmlns:a16="http://schemas.microsoft.com/office/drawing/2014/main" val="2029252239"/>
                    </a:ext>
                  </a:extLst>
                </a:gridCol>
                <a:gridCol w="522082">
                  <a:extLst>
                    <a:ext uri="{9D8B030D-6E8A-4147-A177-3AD203B41FA5}">
                      <a16:colId xmlns:a16="http://schemas.microsoft.com/office/drawing/2014/main" val="3714583738"/>
                    </a:ext>
                  </a:extLst>
                </a:gridCol>
                <a:gridCol w="596665">
                  <a:extLst>
                    <a:ext uri="{9D8B030D-6E8A-4147-A177-3AD203B41FA5}">
                      <a16:colId xmlns:a16="http://schemas.microsoft.com/office/drawing/2014/main" val="2335008474"/>
                    </a:ext>
                  </a:extLst>
                </a:gridCol>
                <a:gridCol w="397777">
                  <a:extLst>
                    <a:ext uri="{9D8B030D-6E8A-4147-A177-3AD203B41FA5}">
                      <a16:colId xmlns:a16="http://schemas.microsoft.com/office/drawing/2014/main" val="1708357964"/>
                    </a:ext>
                  </a:extLst>
                </a:gridCol>
                <a:gridCol w="41435">
                  <a:extLst>
                    <a:ext uri="{9D8B030D-6E8A-4147-A177-3AD203B41FA5}">
                      <a16:colId xmlns:a16="http://schemas.microsoft.com/office/drawing/2014/main" val="2339842068"/>
                    </a:ext>
                  </a:extLst>
                </a:gridCol>
                <a:gridCol w="555230">
                  <a:extLst>
                    <a:ext uri="{9D8B030D-6E8A-4147-A177-3AD203B41FA5}">
                      <a16:colId xmlns:a16="http://schemas.microsoft.com/office/drawing/2014/main" val="1305019633"/>
                    </a:ext>
                  </a:extLst>
                </a:gridCol>
                <a:gridCol w="555230">
                  <a:extLst>
                    <a:ext uri="{9D8B030D-6E8A-4147-A177-3AD203B41FA5}">
                      <a16:colId xmlns:a16="http://schemas.microsoft.com/office/drawing/2014/main" val="1171576237"/>
                    </a:ext>
                  </a:extLst>
                </a:gridCol>
                <a:gridCol w="555230">
                  <a:extLst>
                    <a:ext uri="{9D8B030D-6E8A-4147-A177-3AD203B41FA5}">
                      <a16:colId xmlns:a16="http://schemas.microsoft.com/office/drawing/2014/main" val="3695769322"/>
                    </a:ext>
                  </a:extLst>
                </a:gridCol>
                <a:gridCol w="555230">
                  <a:extLst>
                    <a:ext uri="{9D8B030D-6E8A-4147-A177-3AD203B41FA5}">
                      <a16:colId xmlns:a16="http://schemas.microsoft.com/office/drawing/2014/main" val="3418129311"/>
                    </a:ext>
                  </a:extLst>
                </a:gridCol>
                <a:gridCol w="555230">
                  <a:extLst>
                    <a:ext uri="{9D8B030D-6E8A-4147-A177-3AD203B41FA5}">
                      <a16:colId xmlns:a16="http://schemas.microsoft.com/office/drawing/2014/main" val="4181395513"/>
                    </a:ext>
                  </a:extLst>
                </a:gridCol>
                <a:gridCol w="555230">
                  <a:extLst>
                    <a:ext uri="{9D8B030D-6E8A-4147-A177-3AD203B41FA5}">
                      <a16:colId xmlns:a16="http://schemas.microsoft.com/office/drawing/2014/main" val="1317719633"/>
                    </a:ext>
                  </a:extLst>
                </a:gridCol>
                <a:gridCol w="555230">
                  <a:extLst>
                    <a:ext uri="{9D8B030D-6E8A-4147-A177-3AD203B41FA5}">
                      <a16:colId xmlns:a16="http://schemas.microsoft.com/office/drawing/2014/main" val="3148258797"/>
                    </a:ext>
                  </a:extLst>
                </a:gridCol>
                <a:gridCol w="555230">
                  <a:extLst>
                    <a:ext uri="{9D8B030D-6E8A-4147-A177-3AD203B41FA5}">
                      <a16:colId xmlns:a16="http://schemas.microsoft.com/office/drawing/2014/main" val="81320571"/>
                    </a:ext>
                  </a:extLst>
                </a:gridCol>
                <a:gridCol w="555230">
                  <a:extLst>
                    <a:ext uri="{9D8B030D-6E8A-4147-A177-3AD203B41FA5}">
                      <a16:colId xmlns:a16="http://schemas.microsoft.com/office/drawing/2014/main" val="1706695265"/>
                    </a:ext>
                  </a:extLst>
                </a:gridCol>
                <a:gridCol w="555230">
                  <a:extLst>
                    <a:ext uri="{9D8B030D-6E8A-4147-A177-3AD203B41FA5}">
                      <a16:colId xmlns:a16="http://schemas.microsoft.com/office/drawing/2014/main" val="2768184929"/>
                    </a:ext>
                  </a:extLst>
                </a:gridCol>
                <a:gridCol w="555230">
                  <a:extLst>
                    <a:ext uri="{9D8B030D-6E8A-4147-A177-3AD203B41FA5}">
                      <a16:colId xmlns:a16="http://schemas.microsoft.com/office/drawing/2014/main" val="2476808991"/>
                    </a:ext>
                  </a:extLst>
                </a:gridCol>
                <a:gridCol w="397777">
                  <a:extLst>
                    <a:ext uri="{9D8B030D-6E8A-4147-A177-3AD203B41FA5}">
                      <a16:colId xmlns:a16="http://schemas.microsoft.com/office/drawing/2014/main" val="2931973606"/>
                    </a:ext>
                  </a:extLst>
                </a:gridCol>
              </a:tblGrid>
              <a:tr h="133805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CF Forecast Yea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3581004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Mar YE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8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2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3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06179329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14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2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3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49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2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,5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96969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95907918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0.3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56720488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D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18398858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8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20328959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growth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6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0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2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21037474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&amp;A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3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4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6086325"/>
                  </a:ext>
                </a:extLst>
              </a:tr>
              <a:tr h="204812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51799681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79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4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9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7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4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 dirty="0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02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9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7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9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58606966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38250473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margin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8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6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5.9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6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51942994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ax on EBIT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9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3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4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3125582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tax rat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 dirty="0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7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43354083"/>
                  </a:ext>
                </a:extLst>
              </a:tr>
              <a:tr h="133805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pex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1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0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15638291"/>
                  </a:ext>
                </a:extLst>
              </a:tr>
              <a:tr h="204812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4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 dirty="0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3.2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273059641"/>
                  </a:ext>
                </a:extLst>
              </a:tr>
              <a:tr h="133805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hange in NWC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8570081"/>
                  </a:ext>
                </a:extLst>
              </a:tr>
              <a:tr h="133805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ther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675867049"/>
                  </a:ext>
                </a:extLst>
              </a:tr>
              <a:tr h="204812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83958427"/>
                  </a:ext>
                </a:extLst>
              </a:tr>
              <a:tr h="133805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xceptional item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8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51231375"/>
                  </a:ext>
                </a:extLst>
              </a:tr>
              <a:tr h="204812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% of revenue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1.4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5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(1.7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1" u="none" strike="noStrike">
                          <a:solidFill>
                            <a:srgbClr val="808080"/>
                          </a:solidFill>
                          <a:effectLst/>
                          <a:latin typeface="Arial" panose="020B0604020202020204" pitchFamily="34" charset="0"/>
                        </a:rPr>
                        <a:t>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08748518"/>
                  </a:ext>
                </a:extLst>
              </a:tr>
              <a:tr h="204812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nlevered free cash flow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9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9445293"/>
                  </a:ext>
                </a:extLst>
              </a:tr>
              <a:tr h="133805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flow Timing (Years to Discount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56476663"/>
                  </a:ext>
                </a:extLst>
              </a:tr>
              <a:tr h="133805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7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 Facto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9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8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7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6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5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0.4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91873385"/>
                  </a:ext>
                </a:extLst>
              </a:tr>
              <a:tr h="133805">
                <a:tc gridSpan="3"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iscounted DCF cashflows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6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2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0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907869699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16</TotalTime>
  <Words>784</Words>
  <Application>Microsoft Office PowerPoint</Application>
  <PresentationFormat>Custom</PresentationFormat>
  <Paragraphs>389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7" baseType="lpstr">
      <vt:lpstr>Arial</vt:lpstr>
      <vt:lpstr>Arial Narrow</vt:lpstr>
      <vt:lpstr>Calibr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kuckoo</cp:lastModifiedBy>
  <cp:revision>867</cp:revision>
  <cp:lastPrinted>2020-01-28T09:55:08Z</cp:lastPrinted>
  <dcterms:created xsi:type="dcterms:W3CDTF">2015-06-19T14:55:37Z</dcterms:created>
  <dcterms:modified xsi:type="dcterms:W3CDTF">2023-08-11T06:51:08Z</dcterms:modified>
</cp:coreProperties>
</file>